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0E4AC38E" w14:textId="77777777" w:rsidR="00CC0B36" w:rsidRDefault="00CC0B36" w:rsidP="00CC0B36">
      <w:pPr>
        <w:ind w:left="142" w:right="-284"/>
        <w:rPr>
          <w:rFonts w:cs="Arial"/>
          <w:b/>
          <w:color w:val="002060"/>
          <w:sz w:val="28"/>
          <w:szCs w:val="28"/>
          <w:lang w:val="pl-PL"/>
        </w:rPr>
      </w:pPr>
      <w:bookmarkStart w:id="0" w:name="_GoBack"/>
      <w:bookmarkEnd w:id="0"/>
    </w:p>
    <w:p w14:paraId="201D0E87" w14:textId="43FE4FDE" w:rsidR="00BB5F1F" w:rsidRPr="00BB5F1F" w:rsidRDefault="00CC0B36" w:rsidP="00CC0B36">
      <w:pPr>
        <w:ind w:left="142" w:right="-284"/>
        <w:rPr>
          <w:rFonts w:cs="Arial"/>
          <w:b/>
          <w:color w:val="002060"/>
          <w:lang w:val="pl-PL"/>
        </w:rPr>
      </w:pPr>
      <w:r>
        <w:rPr>
          <w:rFonts w:cs="Arial"/>
          <w:b/>
          <w:color w:val="002060"/>
          <w:sz w:val="28"/>
          <w:szCs w:val="28"/>
          <w:lang w:val="pl-PL"/>
        </w:rPr>
        <w:t>E-myto</w:t>
      </w:r>
    </w:p>
    <w:p w14:paraId="455932E6" w14:textId="77777777" w:rsidR="00BB5F1F" w:rsidRDefault="00BB5F1F" w:rsidP="0054315F">
      <w:pPr>
        <w:spacing w:line="360" w:lineRule="auto"/>
        <w:ind w:left="142" w:right="-285"/>
        <w:jc w:val="both"/>
        <w:rPr>
          <w:rFonts w:asciiTheme="majorHAnsi" w:eastAsia="Times New Roman" w:hAnsiTheme="majorHAnsi" w:cstheme="majorHAnsi"/>
          <w:bCs/>
          <w:lang w:val="pl-PL" w:eastAsia="pl-PL"/>
        </w:rPr>
      </w:pPr>
    </w:p>
    <w:p w14:paraId="062E8F74" w14:textId="3CC0AD81" w:rsidR="00CC0B36" w:rsidRDefault="00CC0B36" w:rsidP="00CC0B36">
      <w:pPr>
        <w:spacing w:line="320" w:lineRule="atLeast"/>
        <w:ind w:left="142" w:right="-284"/>
        <w:jc w:val="both"/>
        <w:rPr>
          <w:rFonts w:cs="Arial"/>
          <w:lang w:val="pl-PL"/>
        </w:rPr>
      </w:pPr>
      <w:r w:rsidRPr="00CC0B36">
        <w:rPr>
          <w:rFonts w:cs="Arial"/>
          <w:lang w:val="pl-PL"/>
        </w:rPr>
        <w:t>E-myto to opłata za korzystanie z dróg ekspresowych i autostrad w Polsce (w</w:t>
      </w:r>
      <w:r>
        <w:rPr>
          <w:rFonts w:cs="Arial"/>
          <w:lang w:val="pl-PL"/>
        </w:rPr>
        <w:t>edłu</w:t>
      </w:r>
      <w:r w:rsidRPr="00CC0B36">
        <w:rPr>
          <w:rFonts w:cs="Arial"/>
          <w:lang w:val="pl-PL"/>
        </w:rPr>
        <w:t xml:space="preserve">g listy odcinków dróg objętych systemem </w:t>
      </w:r>
      <w:r w:rsidR="00E94DD8">
        <w:rPr>
          <w:rFonts w:cs="Arial"/>
          <w:lang w:val="pl-PL"/>
        </w:rPr>
        <w:t>v</w:t>
      </w:r>
      <w:r w:rsidRPr="00CC0B36">
        <w:rPr>
          <w:rFonts w:cs="Arial"/>
          <w:lang w:val="pl-PL"/>
        </w:rPr>
        <w:t>iaT</w:t>
      </w:r>
      <w:r w:rsidR="00E94DD8">
        <w:rPr>
          <w:rFonts w:cs="Arial"/>
          <w:lang w:val="pl-PL"/>
        </w:rPr>
        <w:t xml:space="preserve">OLL </w:t>
      </w:r>
      <w:r w:rsidRPr="00CC0B36">
        <w:rPr>
          <w:rFonts w:cs="Arial"/>
          <w:lang w:val="pl-PL"/>
        </w:rPr>
        <w:t>aktualnej na dzień 01.01.2021).</w:t>
      </w:r>
    </w:p>
    <w:p w14:paraId="1FC77102" w14:textId="77777777" w:rsidR="00CC0B36" w:rsidRPr="00CC0B36" w:rsidRDefault="00CC0B36" w:rsidP="00CC0B36">
      <w:pPr>
        <w:spacing w:after="0" w:line="320" w:lineRule="atLeast"/>
        <w:ind w:left="142" w:right="-284"/>
        <w:jc w:val="both"/>
        <w:rPr>
          <w:rFonts w:cs="Arial"/>
          <w:lang w:val="pl-PL"/>
        </w:rPr>
      </w:pPr>
    </w:p>
    <w:p w14:paraId="0A1805DF" w14:textId="036F9479" w:rsidR="00BB5F1F" w:rsidRDefault="00CC0B36" w:rsidP="00CC0B36">
      <w:pPr>
        <w:spacing w:line="320" w:lineRule="atLeast"/>
        <w:ind w:left="142" w:right="-284"/>
        <w:jc w:val="both"/>
        <w:rPr>
          <w:rFonts w:cs="Arial"/>
          <w:lang w:val="pl-PL"/>
        </w:rPr>
      </w:pPr>
      <w:r w:rsidRPr="00CC0B36">
        <w:rPr>
          <w:rFonts w:cs="Arial"/>
          <w:lang w:val="pl-PL"/>
        </w:rPr>
        <w:t>Obligatoryjna dopłata do stawek frachtowych z tytułu e-myta naliczana przez DSV Road Sp. z o.o. za</w:t>
      </w:r>
      <w:r>
        <w:rPr>
          <w:rFonts w:cs="Arial"/>
          <w:lang w:val="pl-PL"/>
        </w:rPr>
        <w:t> </w:t>
      </w:r>
      <w:r w:rsidRPr="00CC0B36">
        <w:rPr>
          <w:rFonts w:cs="Arial"/>
          <w:lang w:val="pl-PL"/>
        </w:rPr>
        <w:t>usługi drogowego przewozu rzeczy wynosi obecnie 9,71%.</w:t>
      </w:r>
    </w:p>
    <w:p w14:paraId="6A9FA5F2" w14:textId="09AE1367" w:rsidR="00E94DD8" w:rsidRDefault="00E94DD8" w:rsidP="00CC0B36">
      <w:pPr>
        <w:spacing w:line="320" w:lineRule="atLeast"/>
        <w:ind w:left="142" w:right="-284"/>
        <w:jc w:val="both"/>
        <w:rPr>
          <w:rFonts w:cs="Arial"/>
          <w:lang w:val="pl-PL"/>
        </w:rPr>
      </w:pPr>
    </w:p>
    <w:p w14:paraId="762B0BC4" w14:textId="6C6F44A1" w:rsidR="00E94DD8" w:rsidRDefault="00E94DD8" w:rsidP="00CC0B36">
      <w:pPr>
        <w:spacing w:line="320" w:lineRule="atLeast"/>
        <w:ind w:left="142" w:right="-284"/>
        <w:jc w:val="both"/>
        <w:rPr>
          <w:rFonts w:cs="Arial"/>
          <w:lang w:val="pl-PL"/>
        </w:rPr>
      </w:pPr>
    </w:p>
    <w:p w14:paraId="03A8BA05" w14:textId="767BF698" w:rsidR="00E94DD8" w:rsidRDefault="00E94DD8" w:rsidP="00CC0B36">
      <w:pPr>
        <w:spacing w:line="320" w:lineRule="atLeast"/>
        <w:ind w:left="142" w:right="-284"/>
        <w:jc w:val="both"/>
        <w:rPr>
          <w:rFonts w:cs="Arial"/>
          <w:lang w:val="pl-PL"/>
        </w:rPr>
      </w:pPr>
      <w:r>
        <w:rPr>
          <w:rFonts w:cs="Arial"/>
          <w:lang w:val="pl-PL"/>
        </w:rPr>
        <w:t>DSV Road sp. z o.o.</w:t>
      </w:r>
    </w:p>
    <w:sectPr w:rsidR="00E94DD8" w:rsidSect="00E33DB4">
      <w:headerReference w:type="even" r:id="rId12"/>
      <w:headerReference w:type="default" r:id="rId13"/>
      <w:headerReference w:type="first" r:id="rId14"/>
      <w:footerReference w:type="first" r:id="rId15"/>
      <w:pgSz w:w="11906" w:h="16838" w:code="9"/>
      <w:pgMar w:top="2410" w:right="1134" w:bottom="1134" w:left="851" w:header="709" w:footer="32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5A8F794F" w14:textId="77777777" w:rsidR="00BD4B5D" w:rsidRDefault="00BD4B5D" w:rsidP="00E15348">
      <w:pPr>
        <w:spacing w:line="240" w:lineRule="auto"/>
      </w:pPr>
      <w:r>
        <w:separator/>
      </w:r>
    </w:p>
  </w:endnote>
  <w:endnote w:type="continuationSeparator" w:id="0">
    <w:p w14:paraId="6C59A39C" w14:textId="77777777" w:rsidR="00BD4B5D" w:rsidRDefault="00BD4B5D" w:rsidP="00E1534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73321259" w14:textId="77777777" w:rsidR="00C97BB1" w:rsidRPr="008E5B57" w:rsidRDefault="00C97BB1" w:rsidP="008E5B57">
    <w:pPr>
      <w:pStyle w:val="Footer"/>
    </w:pPr>
    <w:r w:rsidRPr="008E5B57">
      <w:t>DSV – Global Transport and Logistics</w:t>
    </w:r>
  </w:p>
  <w:p w14:paraId="62F6DAB0" w14:textId="77777777" w:rsidR="00C97BB1" w:rsidRPr="008E5B57" w:rsidRDefault="00C97BB1" w:rsidP="008E5B57">
    <w:pPr>
      <w:pStyle w:val="Footer"/>
      <w:rPr>
        <w:rFonts w:eastAsia="Calibri" w:cs="Times New Roman"/>
        <w:szCs w:val="20"/>
      </w:rPr>
    </w:pPr>
    <w:r w:rsidRPr="008E5B57">
      <w:t>With offices and facilities in more than 80 countries on six continents, we provide and run supply chain solutions for thousands of companies on a daily basis. Our reach is global yet our presence is local and close to our customers. Read more at www.dsv.com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0550526A" w14:textId="77777777" w:rsidR="00BD4B5D" w:rsidRDefault="00BD4B5D" w:rsidP="00E15348">
      <w:pPr>
        <w:spacing w:line="240" w:lineRule="auto"/>
      </w:pPr>
      <w:r>
        <w:separator/>
      </w:r>
    </w:p>
  </w:footnote>
  <w:footnote w:type="continuationSeparator" w:id="0">
    <w:p w14:paraId="56871829" w14:textId="77777777" w:rsidR="00BD4B5D" w:rsidRDefault="00BD4B5D" w:rsidP="00E1534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49DFE9B3" w14:textId="77777777" w:rsidR="00C97BB1" w:rsidRDefault="00C97BB1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0E5BA05B" wp14:editId="6C236EF7">
          <wp:simplePos x="0" y="0"/>
          <wp:positionH relativeFrom="page">
            <wp:posOffset>6325200</wp:posOffset>
          </wp:positionH>
          <wp:positionV relativeFrom="page">
            <wp:posOffset>658800</wp:posOffset>
          </wp:positionV>
          <wp:extent cx="734400" cy="217080"/>
          <wp:effectExtent l="0" t="0" r="0" b="0"/>
          <wp:wrapNone/>
          <wp:docPr id="14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53709697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34400" cy="21708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018B337D" w14:textId="29FD23FD" w:rsidR="00C97BB1" w:rsidRPr="001A2D00" w:rsidRDefault="00A7753C" w:rsidP="00CC0B36">
    <w:pPr>
      <w:pStyle w:val="Header"/>
      <w:tabs>
        <w:tab w:val="clear" w:pos="4819"/>
        <w:tab w:val="clear" w:pos="9638"/>
        <w:tab w:val="left" w:pos="2570"/>
      </w:tabs>
    </w:pPr>
    <w:sdt>
      <w:sdtPr>
        <w:alias w:val="Date"/>
        <w:tag w:val="{&quot;templafy&quot;:{&quot;id&quot;:&quot;3cf2edfa-2863-4b69-96ef-e5b435103af8&quot;}}"/>
        <w:id w:val="-1932419239"/>
        <w:placeholder>
          <w:docPart w:val="DefaultPlaceholder_-1854013440"/>
        </w:placeholder>
        <w15:color w:val="FF0000"/>
      </w:sdtPr>
      <w:sdtEndPr/>
      <w:sdtContent>
        <w:r w:rsidR="00C97BB1" w:rsidRPr="00E94DD8">
          <w:t xml:space="preserve">Duchnice, </w:t>
        </w:r>
        <w:r w:rsidR="00E94DD8" w:rsidRPr="00E94DD8">
          <w:t>31</w:t>
        </w:r>
        <w:r w:rsidR="00C97BB1" w:rsidRPr="00E94DD8">
          <w:t>.</w:t>
        </w:r>
        <w:r w:rsidR="00E94DD8" w:rsidRPr="00E94DD8">
          <w:t>12</w:t>
        </w:r>
        <w:r w:rsidR="00C97BB1" w:rsidRPr="00E94DD8">
          <w:t>.2020</w:t>
        </w:r>
      </w:sdtContent>
    </w:sdt>
    <w:r w:rsidR="00CC0B36">
      <w:tab/>
    </w:r>
  </w:p>
  <w:p w14:paraId="544305D8" w14:textId="77777777" w:rsidR="00C97BB1" w:rsidRPr="00E56856" w:rsidRDefault="00C97BB1" w:rsidP="00E56856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70016" behindDoc="0" locked="0" layoutInCell="1" allowOverlap="1" wp14:anchorId="2664E481" wp14:editId="079EFC90">
              <wp:simplePos x="0" y="0"/>
              <wp:positionH relativeFrom="column">
                <wp:posOffset>10373</wp:posOffset>
              </wp:positionH>
              <wp:positionV relativeFrom="paragraph">
                <wp:posOffset>113967</wp:posOffset>
              </wp:positionV>
              <wp:extent cx="6496124" cy="0"/>
              <wp:effectExtent l="0" t="0" r="19050" b="19050"/>
              <wp:wrapNone/>
              <wp:docPr id="13" name="Straight Connector 1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496124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 xmlns:w16="http://schemas.microsoft.com/office/word/2018/wordml" xmlns:w16cex="http://schemas.microsoft.com/office/word/2018/wordml/cex">
          <w:pict>
            <v:line w14:anchorId="72B63166" id="Straight Connector 13" o:spid="_x0000_s1026" style="position:absolute;z-index:251670016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.8pt,8.95pt" to="512.3pt,8.9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" strokecolor="#00235e [3044]"/>
          </w:pict>
        </mc:Fallback>
      </mc:AlternateContent>
    </w:r>
    <w:r>
      <w:rPr>
        <w:noProof/>
      </w:rPr>
      <w:drawing>
        <wp:anchor distT="0" distB="0" distL="0" distR="0" simplePos="0" relativeHeight="251671040" behindDoc="0" locked="0" layoutInCell="1" allowOverlap="1" wp14:anchorId="794BCFAA" wp14:editId="6C6AA52A">
          <wp:simplePos x="0" y="0"/>
          <wp:positionH relativeFrom="page">
            <wp:posOffset>6325200</wp:posOffset>
          </wp:positionH>
          <wp:positionV relativeFrom="page">
            <wp:posOffset>658800</wp:posOffset>
          </wp:positionV>
          <wp:extent cx="734400" cy="217080"/>
          <wp:effectExtent l="0" t="0" r="0" b="0"/>
          <wp:wrapNone/>
          <wp:docPr id="15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20213185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34400" cy="21708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4D0FA716" w14:textId="77777777" w:rsidR="00C97BB1" w:rsidRPr="001A2D00" w:rsidRDefault="00C97BB1" w:rsidP="00A95981">
    <w:pPr>
      <w:pStyle w:val="Header"/>
    </w:pPr>
    <w:r>
      <w:rPr>
        <w:noProof/>
      </w:rPr>
      <w:drawing>
        <wp:anchor distT="0" distB="0" distL="114300" distR="114300" simplePos="0" relativeHeight="251656704" behindDoc="0" locked="0" layoutInCell="1" allowOverlap="1" wp14:anchorId="524F3890" wp14:editId="4439D357">
          <wp:simplePos x="0" y="0"/>
          <wp:positionH relativeFrom="page">
            <wp:posOffset>6325870</wp:posOffset>
          </wp:positionH>
          <wp:positionV relativeFrom="page">
            <wp:posOffset>659130</wp:posOffset>
          </wp:positionV>
          <wp:extent cx="734400" cy="216000"/>
          <wp:effectExtent l="0" t="0" r="8890" b="0"/>
          <wp:wrapNone/>
          <wp:docPr id="16" name="Picture 1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DSV_logo_RGB.jpg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34400" cy="216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t>PRESS RELEASE - Date</w:t>
    </w:r>
  </w:p>
  <w:p w14:paraId="6C89E330" w14:textId="77777777" w:rsidR="00C97BB1" w:rsidRDefault="00C97BB1" w:rsidP="00A95981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796D8113" wp14:editId="78FDB940">
              <wp:simplePos x="0" y="0"/>
              <wp:positionH relativeFrom="column">
                <wp:posOffset>10373</wp:posOffset>
              </wp:positionH>
              <wp:positionV relativeFrom="paragraph">
                <wp:posOffset>113967</wp:posOffset>
              </wp:positionV>
              <wp:extent cx="6496124" cy="0"/>
              <wp:effectExtent l="0" t="0" r="19050" b="19050"/>
              <wp:wrapNone/>
              <wp:docPr id="2" name="Straight Connector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496124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 xmlns:w16="http://schemas.microsoft.com/office/word/2018/wordml" xmlns:w16cex="http://schemas.microsoft.com/office/word/2018/wordml/cex">
          <w:pict>
            <v:line w14:anchorId="0646F390" id="Straight Connector 2" o:spid="_x0000_s1026" style="position:absolute;z-index:251658752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.8pt,8.95pt" to="512.3pt,8.9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" strokecolor="#00235e [3044]"/>
          </w:pict>
        </mc:Fallback>
      </mc:AlternateContent>
    </w:r>
  </w:p>
  <w:p w14:paraId="00DD8D5F" w14:textId="77777777" w:rsidR="00C97BB1" w:rsidRDefault="00C97BB1" w:rsidP="00A95981">
    <w:pPr>
      <w:pStyle w:val="Header"/>
    </w:pPr>
  </w:p>
  <w:p w14:paraId="4E851C66" w14:textId="77777777" w:rsidR="00C97BB1" w:rsidRDefault="00C97BB1" w:rsidP="00EC643C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2608" behindDoc="0" locked="0" layoutInCell="1" allowOverlap="1" wp14:anchorId="38B8B620" wp14:editId="212FB66E">
              <wp:simplePos x="0" y="0"/>
              <wp:positionH relativeFrom="page">
                <wp:posOffset>0</wp:posOffset>
              </wp:positionH>
              <wp:positionV relativeFrom="page">
                <wp:posOffset>7200900</wp:posOffset>
              </wp:positionV>
              <wp:extent cx="144000" cy="0"/>
              <wp:effectExtent l="0" t="0" r="27940" b="19050"/>
              <wp:wrapNone/>
              <wp:docPr id="10" name="Straight Connector 1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="http://schemas.microsoft.com/office/word/2018/wordml" xmlns:w16cex="http://schemas.microsoft.com/office/word/2018/wordml/cex">
          <w:pict>
            <v:line w14:anchorId="3BE5BAD8" id="Straight Connector 10" o:spid="_x0000_s1026" style="position:absolute;flip:y;z-index:2516526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567pt" to="11.35pt,56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" strokecolor="black [3213]" strokeweight=".25pt">
              <w10:wrap anchorx="page" anchory="page"/>
            </v:lin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49536" behindDoc="0" locked="0" layoutInCell="1" allowOverlap="1" wp14:anchorId="3E765468" wp14:editId="5C90E755">
              <wp:simplePos x="0" y="0"/>
              <wp:positionH relativeFrom="page">
                <wp:posOffset>0</wp:posOffset>
              </wp:positionH>
              <wp:positionV relativeFrom="page">
                <wp:posOffset>3600450</wp:posOffset>
              </wp:positionV>
              <wp:extent cx="144000" cy="0"/>
              <wp:effectExtent l="0" t="0" r="27940" b="19050"/>
              <wp:wrapNone/>
              <wp:docPr id="9" name="Straight Connector 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="http://schemas.microsoft.com/office/word/2018/wordml" xmlns:w16cex="http://schemas.microsoft.com/office/word/2018/wordml/cex">
          <w:pict>
            <v:line w14:anchorId="01F6B52D" id="Straight Connector 9" o:spid="_x0000_s1026" style="position:absolute;flip:y;z-index:2516495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283.5pt" to="11.35pt,283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" strokecolor="black [3213]" strokeweight=".25pt">
              <w10:wrap anchorx="page" anchory="page"/>
            </v:line>
          </w:pict>
        </mc:Fallback>
      </mc:AlternateContent>
    </w:r>
    <w:r>
      <w:rPr>
        <w:noProof/>
      </w:rPr>
      <w:drawing>
        <wp:anchor distT="0" distB="0" distL="0" distR="0" simplePos="0" relativeHeight="251672064" behindDoc="0" locked="0" layoutInCell="1" allowOverlap="1" wp14:anchorId="3E0781A5" wp14:editId="410561A5">
          <wp:simplePos x="0" y="0"/>
          <wp:positionH relativeFrom="page">
            <wp:posOffset>6325200</wp:posOffset>
          </wp:positionH>
          <wp:positionV relativeFrom="page">
            <wp:posOffset>658800</wp:posOffset>
          </wp:positionV>
          <wp:extent cx="734400" cy="217080"/>
          <wp:effectExtent l="0" t="0" r="0" b="0"/>
          <wp:wrapNone/>
          <wp:docPr id="17" name="Logo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1425431" name="Logo_Hide2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34400" cy="21708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FFFFFF7C"/>
    <w:multiLevelType w:val="singleLevel"/>
    <w:tmpl w:val="48068B3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8C8DAF4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710D98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D2E96E8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FD212C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6F0C8C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E0E3E8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610B95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F9A61C48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6A7A3D80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7A2B07C9"/>
    <w:multiLevelType w:val="hybridMultilevel"/>
    <w:tmpl w:val="CDE697A0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9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8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defaultTabStop w:val="1304"/>
  <w:hyphenationZone w:val="425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15348"/>
    <w:rsid w:val="00030F71"/>
    <w:rsid w:val="000351C1"/>
    <w:rsid w:val="00043A91"/>
    <w:rsid w:val="00056577"/>
    <w:rsid w:val="00097D66"/>
    <w:rsid w:val="000B2ABE"/>
    <w:rsid w:val="000C7AC9"/>
    <w:rsid w:val="000F7CB2"/>
    <w:rsid w:val="00110FF0"/>
    <w:rsid w:val="0011282E"/>
    <w:rsid w:val="001151B2"/>
    <w:rsid w:val="001172C0"/>
    <w:rsid w:val="0014083C"/>
    <w:rsid w:val="00145E51"/>
    <w:rsid w:val="00182524"/>
    <w:rsid w:val="00187A74"/>
    <w:rsid w:val="00190301"/>
    <w:rsid w:val="001A2A5E"/>
    <w:rsid w:val="001B330E"/>
    <w:rsid w:val="001C3499"/>
    <w:rsid w:val="001D0BC3"/>
    <w:rsid w:val="001D7DAF"/>
    <w:rsid w:val="001E49A8"/>
    <w:rsid w:val="001E5C96"/>
    <w:rsid w:val="001E7CCE"/>
    <w:rsid w:val="001F586B"/>
    <w:rsid w:val="00205772"/>
    <w:rsid w:val="00231F6C"/>
    <w:rsid w:val="00240A38"/>
    <w:rsid w:val="00265251"/>
    <w:rsid w:val="0027021B"/>
    <w:rsid w:val="002762F0"/>
    <w:rsid w:val="00283AD8"/>
    <w:rsid w:val="00295CDF"/>
    <w:rsid w:val="00296982"/>
    <w:rsid w:val="002A037A"/>
    <w:rsid w:val="002A16B7"/>
    <w:rsid w:val="002B51CB"/>
    <w:rsid w:val="002B7FDB"/>
    <w:rsid w:val="002C429F"/>
    <w:rsid w:val="002F3BB0"/>
    <w:rsid w:val="00324014"/>
    <w:rsid w:val="00352FA2"/>
    <w:rsid w:val="0036457A"/>
    <w:rsid w:val="00376B0B"/>
    <w:rsid w:val="003908A6"/>
    <w:rsid w:val="003959EE"/>
    <w:rsid w:val="00396E46"/>
    <w:rsid w:val="00397047"/>
    <w:rsid w:val="003B05EE"/>
    <w:rsid w:val="003C0861"/>
    <w:rsid w:val="003D6943"/>
    <w:rsid w:val="00430703"/>
    <w:rsid w:val="004521A5"/>
    <w:rsid w:val="00491D80"/>
    <w:rsid w:val="0049680F"/>
    <w:rsid w:val="004A45DB"/>
    <w:rsid w:val="004F0F94"/>
    <w:rsid w:val="004F4F14"/>
    <w:rsid w:val="00515DC8"/>
    <w:rsid w:val="005170FA"/>
    <w:rsid w:val="0053072B"/>
    <w:rsid w:val="0054315F"/>
    <w:rsid w:val="005819DD"/>
    <w:rsid w:val="005D00D8"/>
    <w:rsid w:val="005D1ACD"/>
    <w:rsid w:val="005D4EDB"/>
    <w:rsid w:val="005D68FA"/>
    <w:rsid w:val="005E3971"/>
    <w:rsid w:val="005F22E0"/>
    <w:rsid w:val="006036BA"/>
    <w:rsid w:val="0061188D"/>
    <w:rsid w:val="006130BD"/>
    <w:rsid w:val="00624B44"/>
    <w:rsid w:val="00630245"/>
    <w:rsid w:val="00652C2B"/>
    <w:rsid w:val="0066057F"/>
    <w:rsid w:val="00661E8D"/>
    <w:rsid w:val="006628D9"/>
    <w:rsid w:val="0066344C"/>
    <w:rsid w:val="006653DA"/>
    <w:rsid w:val="00670372"/>
    <w:rsid w:val="00695313"/>
    <w:rsid w:val="006C04E8"/>
    <w:rsid w:val="006C4F5B"/>
    <w:rsid w:val="006C55AD"/>
    <w:rsid w:val="006C6B59"/>
    <w:rsid w:val="006D53E9"/>
    <w:rsid w:val="006E0760"/>
    <w:rsid w:val="006E1DAB"/>
    <w:rsid w:val="006F7D18"/>
    <w:rsid w:val="00701C8A"/>
    <w:rsid w:val="00714489"/>
    <w:rsid w:val="0073500E"/>
    <w:rsid w:val="00741D92"/>
    <w:rsid w:val="00763069"/>
    <w:rsid w:val="0076318F"/>
    <w:rsid w:val="00775D14"/>
    <w:rsid w:val="00785053"/>
    <w:rsid w:val="00786A9C"/>
    <w:rsid w:val="007922F8"/>
    <w:rsid w:val="007B1A5D"/>
    <w:rsid w:val="0082193A"/>
    <w:rsid w:val="00833F84"/>
    <w:rsid w:val="008962BF"/>
    <w:rsid w:val="008C1378"/>
    <w:rsid w:val="008D5547"/>
    <w:rsid w:val="008D690A"/>
    <w:rsid w:val="008E5B57"/>
    <w:rsid w:val="008F2020"/>
    <w:rsid w:val="008F2581"/>
    <w:rsid w:val="00903DAF"/>
    <w:rsid w:val="00922D2C"/>
    <w:rsid w:val="00935255"/>
    <w:rsid w:val="00955B07"/>
    <w:rsid w:val="00965278"/>
    <w:rsid w:val="009846E2"/>
    <w:rsid w:val="009C0C82"/>
    <w:rsid w:val="009D79D7"/>
    <w:rsid w:val="00A008BF"/>
    <w:rsid w:val="00A06870"/>
    <w:rsid w:val="00A12D23"/>
    <w:rsid w:val="00A25039"/>
    <w:rsid w:val="00A31B92"/>
    <w:rsid w:val="00A32782"/>
    <w:rsid w:val="00A40ABA"/>
    <w:rsid w:val="00A43D1D"/>
    <w:rsid w:val="00A5297F"/>
    <w:rsid w:val="00A53B9B"/>
    <w:rsid w:val="00A62ED1"/>
    <w:rsid w:val="00A7753C"/>
    <w:rsid w:val="00A95981"/>
    <w:rsid w:val="00AB5E0F"/>
    <w:rsid w:val="00AC001C"/>
    <w:rsid w:val="00AD582D"/>
    <w:rsid w:val="00B0241C"/>
    <w:rsid w:val="00B14DC8"/>
    <w:rsid w:val="00B1706C"/>
    <w:rsid w:val="00B17AE7"/>
    <w:rsid w:val="00B3585F"/>
    <w:rsid w:val="00B44090"/>
    <w:rsid w:val="00B57CE0"/>
    <w:rsid w:val="00B64E08"/>
    <w:rsid w:val="00B85AF2"/>
    <w:rsid w:val="00B90D37"/>
    <w:rsid w:val="00BA6363"/>
    <w:rsid w:val="00BA7B68"/>
    <w:rsid w:val="00BB2572"/>
    <w:rsid w:val="00BB5F1F"/>
    <w:rsid w:val="00BC15B7"/>
    <w:rsid w:val="00BD4A69"/>
    <w:rsid w:val="00BD4B5D"/>
    <w:rsid w:val="00BD64FE"/>
    <w:rsid w:val="00BE7BBC"/>
    <w:rsid w:val="00BF2629"/>
    <w:rsid w:val="00C107F3"/>
    <w:rsid w:val="00C16381"/>
    <w:rsid w:val="00C50420"/>
    <w:rsid w:val="00C505AA"/>
    <w:rsid w:val="00C53AC2"/>
    <w:rsid w:val="00C57249"/>
    <w:rsid w:val="00C704B9"/>
    <w:rsid w:val="00C7458C"/>
    <w:rsid w:val="00C97BB1"/>
    <w:rsid w:val="00CB7400"/>
    <w:rsid w:val="00CC089A"/>
    <w:rsid w:val="00CC0B36"/>
    <w:rsid w:val="00CE16C9"/>
    <w:rsid w:val="00CE32A7"/>
    <w:rsid w:val="00CE78AB"/>
    <w:rsid w:val="00CF493D"/>
    <w:rsid w:val="00D05182"/>
    <w:rsid w:val="00D32399"/>
    <w:rsid w:val="00D5725D"/>
    <w:rsid w:val="00DE72FF"/>
    <w:rsid w:val="00DF2CF4"/>
    <w:rsid w:val="00E103D2"/>
    <w:rsid w:val="00E15348"/>
    <w:rsid w:val="00E20FDA"/>
    <w:rsid w:val="00E33DB4"/>
    <w:rsid w:val="00E42704"/>
    <w:rsid w:val="00E45A30"/>
    <w:rsid w:val="00E56856"/>
    <w:rsid w:val="00E87E7B"/>
    <w:rsid w:val="00E94DD8"/>
    <w:rsid w:val="00EA30A9"/>
    <w:rsid w:val="00EB0AA7"/>
    <w:rsid w:val="00EB2492"/>
    <w:rsid w:val="00EB7BDA"/>
    <w:rsid w:val="00EB7F42"/>
    <w:rsid w:val="00EC3C36"/>
    <w:rsid w:val="00EC643C"/>
    <w:rsid w:val="00ED4F5E"/>
    <w:rsid w:val="00ED73EA"/>
    <w:rsid w:val="00EE20A7"/>
    <w:rsid w:val="00EE7A95"/>
    <w:rsid w:val="00EF036D"/>
    <w:rsid w:val="00EF06D7"/>
    <w:rsid w:val="00EF2C2C"/>
    <w:rsid w:val="00F13FEA"/>
    <w:rsid w:val="00F168EB"/>
    <w:rsid w:val="00F176EA"/>
    <w:rsid w:val="00F24961"/>
    <w:rsid w:val="00F26D7D"/>
    <w:rsid w:val="00F455BD"/>
    <w:rsid w:val="00F70113"/>
    <w:rsid w:val="00F74392"/>
    <w:rsid w:val="00F83CE4"/>
    <w:rsid w:val="00F86852"/>
    <w:rsid w:val="00F9410C"/>
    <w:rsid w:val="00FC2869"/>
    <w:rsid w:val="00FD79AF"/>
    <w:rsid w:val="00FE3610"/>
    <w:rsid w:val="00FE3A7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6145"/>
    <o:shapelayout v:ext="edit">
      <o:idmap v:ext="edit" data="1"/>
    </o:shapelayout>
  </w:shapeDefaults>
  <w:decimalSymbol w:val=","/>
  <w:listSeparator w:val=";"/>
  <w14:docId w14:val="710633FD"/>
  <w15:docId w15:val="{233EDC41-82B6-4BED-9733-8D27B2D3C44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4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76B0B"/>
    <w:pPr>
      <w:spacing w:after="80" w:line="276" w:lineRule="auto"/>
      <w:contextualSpacing/>
    </w:pPr>
    <w:rPr>
      <w:rFonts w:ascii="Arial" w:hAnsi="Arial"/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0351C1"/>
    <w:pPr>
      <w:keepNext/>
      <w:keepLines/>
      <w:outlineLvl w:val="0"/>
    </w:pPr>
    <w:rPr>
      <w:rFonts w:eastAsiaTheme="majorEastAsia" w:cstheme="majorBidi"/>
      <w:b/>
      <w:bCs/>
      <w:color w:val="002664" w:themeColor="text2"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376B0B"/>
    <w:pPr>
      <w:keepNext/>
      <w:keepLines/>
      <w:outlineLvl w:val="1"/>
    </w:pPr>
    <w:rPr>
      <w:rFonts w:eastAsiaTheme="majorEastAsia" w:cstheme="majorBidi"/>
      <w:b/>
      <w:bCs/>
      <w:color w:val="002664" w:themeColor="text2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376B0B"/>
    <w:pPr>
      <w:keepNext/>
      <w:keepLines/>
      <w:outlineLvl w:val="2"/>
    </w:pPr>
    <w:rPr>
      <w:rFonts w:eastAsiaTheme="majorEastAsia" w:cstheme="majorBidi"/>
      <w:b/>
      <w:bCs/>
      <w:color w:val="6B6E71"/>
    </w:rPr>
  </w:style>
  <w:style w:type="paragraph" w:styleId="Heading4">
    <w:name w:val="heading 4"/>
    <w:basedOn w:val="Normal"/>
    <w:next w:val="Normal"/>
    <w:link w:val="Heading4Char"/>
    <w:uiPriority w:val="1"/>
    <w:semiHidden/>
    <w:qFormat/>
    <w:rsid w:val="00695313"/>
    <w:pPr>
      <w:keepNext/>
      <w:keepLines/>
      <w:spacing w:before="200"/>
      <w:outlineLvl w:val="3"/>
    </w:pPr>
    <w:rPr>
      <w:rFonts w:eastAsiaTheme="majorEastAsia" w:cstheme="majorBidi"/>
      <w:bCs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semiHidden/>
    <w:rsid w:val="00A95981"/>
    <w:pPr>
      <w:tabs>
        <w:tab w:val="center" w:pos="4819"/>
        <w:tab w:val="right" w:pos="9638"/>
      </w:tabs>
      <w:spacing w:before="460"/>
    </w:pPr>
  </w:style>
  <w:style w:type="character" w:customStyle="1" w:styleId="HeaderChar">
    <w:name w:val="Header Char"/>
    <w:basedOn w:val="DefaultParagraphFont"/>
    <w:link w:val="Header"/>
    <w:uiPriority w:val="99"/>
    <w:semiHidden/>
    <w:rsid w:val="00BA6363"/>
    <w:rPr>
      <w:rFonts w:ascii="Arial" w:hAnsi="Arial"/>
      <w:sz w:val="20"/>
      <w:lang w:val="en-US"/>
    </w:rPr>
  </w:style>
  <w:style w:type="paragraph" w:styleId="Footer">
    <w:name w:val="footer"/>
    <w:basedOn w:val="Normal"/>
    <w:link w:val="FooterChar"/>
    <w:uiPriority w:val="99"/>
    <w:qFormat/>
    <w:rsid w:val="00F86852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8D5547"/>
    <w:rPr>
      <w:rFonts w:ascii="Arial" w:hAnsi="Arial"/>
      <w:sz w:val="16"/>
      <w:lang w:val="en-US"/>
    </w:rPr>
  </w:style>
  <w:style w:type="paragraph" w:styleId="BalloonText">
    <w:name w:val="Balloon Text"/>
    <w:basedOn w:val="Normal"/>
    <w:link w:val="BalloonTextChar"/>
    <w:uiPriority w:val="99"/>
    <w:semiHidden/>
    <w:rsid w:val="00E15348"/>
    <w:pPr>
      <w:spacing w:line="240" w:lineRule="auto"/>
    </w:pPr>
    <w:rPr>
      <w:rFonts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4F4F14"/>
    <w:rPr>
      <w:rFonts w:ascii="Tahoma" w:hAnsi="Tahoma" w:cs="Tahoma"/>
      <w:sz w:val="16"/>
      <w:szCs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0351C1"/>
    <w:rPr>
      <w:rFonts w:ascii="Arial" w:eastAsiaTheme="majorEastAsia" w:hAnsi="Arial" w:cstheme="majorBidi"/>
      <w:b/>
      <w:bCs/>
      <w:color w:val="002664" w:themeColor="text2"/>
      <w:sz w:val="28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376B0B"/>
    <w:rPr>
      <w:rFonts w:ascii="Arial" w:eastAsiaTheme="majorEastAsia" w:hAnsi="Arial" w:cstheme="majorBidi"/>
      <w:b/>
      <w:bCs/>
      <w:color w:val="002664" w:themeColor="text2"/>
      <w:szCs w:val="26"/>
      <w:lang w:val="en-US"/>
    </w:rPr>
  </w:style>
  <w:style w:type="paragraph" w:styleId="Title">
    <w:name w:val="Title"/>
    <w:basedOn w:val="Normal"/>
    <w:next w:val="Normal"/>
    <w:link w:val="TitleChar"/>
    <w:uiPriority w:val="10"/>
    <w:semiHidden/>
    <w:qFormat/>
    <w:rsid w:val="00E15348"/>
    <w:pPr>
      <w:spacing w:after="300" w:line="480" w:lineRule="atLeast"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1C3499"/>
    <w:rPr>
      <w:rFonts w:ascii="Arial" w:eastAsiaTheme="majorEastAsia" w:hAnsi="Arial" w:cstheme="majorBidi"/>
      <w:b/>
      <w:spacing w:val="5"/>
      <w:kern w:val="28"/>
      <w:sz w:val="40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1"/>
    <w:semiHidden/>
    <w:qFormat/>
    <w:rsid w:val="00E15348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1C3499"/>
    <w:rPr>
      <w:rFonts w:ascii="Arial" w:eastAsiaTheme="majorEastAsia" w:hAnsi="Arial" w:cstheme="majorBidi"/>
      <w:b/>
      <w:iCs/>
      <w:spacing w:val="15"/>
      <w:sz w:val="24"/>
      <w:szCs w:val="24"/>
      <w:lang w:val="en-US"/>
    </w:rPr>
  </w:style>
  <w:style w:type="character" w:styleId="SubtleEmphasis">
    <w:name w:val="Subtle Emphasis"/>
    <w:basedOn w:val="DefaultParagraphFont"/>
    <w:uiPriority w:val="19"/>
    <w:semiHidden/>
    <w:qFormat/>
    <w:rsid w:val="00695313"/>
    <w:rPr>
      <w:i/>
      <w:iCs/>
      <w:color w:val="auto"/>
      <w:lang w:val="en-US"/>
    </w:rPr>
  </w:style>
  <w:style w:type="character" w:styleId="IntenseEmphasis">
    <w:name w:val="Intense Emphasis"/>
    <w:basedOn w:val="DefaultParagraphFont"/>
    <w:uiPriority w:val="21"/>
    <w:semiHidden/>
    <w:qFormat/>
    <w:rsid w:val="00695313"/>
    <w:rPr>
      <w:b/>
      <w:bCs/>
      <w:i/>
      <w:iCs/>
      <w:color w:val="auto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695313"/>
    <w:pPr>
      <w:spacing w:before="200" w:after="280"/>
      <w:ind w:left="936" w:right="936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695313"/>
    <w:rPr>
      <w:rFonts w:ascii="Arial" w:hAnsi="Arial"/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31"/>
    <w:semiHidden/>
    <w:qFormat/>
    <w:rsid w:val="00E15348"/>
    <w:rPr>
      <w:smallCaps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32"/>
    <w:semiHidden/>
    <w:qFormat/>
    <w:rsid w:val="00E15348"/>
    <w:rPr>
      <w:b/>
      <w:bCs/>
      <w:smallCaps/>
      <w:color w:val="auto"/>
      <w:spacing w:val="5"/>
      <w:u w:val="single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376B0B"/>
    <w:rPr>
      <w:rFonts w:ascii="Arial" w:eastAsiaTheme="majorEastAsia" w:hAnsi="Arial" w:cstheme="majorBidi"/>
      <w:b/>
      <w:bCs/>
      <w:color w:val="6B6E71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9C0C82"/>
    <w:rPr>
      <w:rFonts w:ascii="Arial" w:eastAsiaTheme="majorEastAsia" w:hAnsi="Arial" w:cstheme="majorBidi"/>
      <w:bCs/>
      <w:iCs/>
      <w:lang w:val="en-US"/>
    </w:rPr>
  </w:style>
  <w:style w:type="paragraph" w:styleId="Caption">
    <w:name w:val="caption"/>
    <w:basedOn w:val="Normal"/>
    <w:next w:val="Normal"/>
    <w:uiPriority w:val="3"/>
    <w:semiHidden/>
    <w:qFormat/>
    <w:rsid w:val="00695313"/>
    <w:pPr>
      <w:spacing w:after="200" w:line="240" w:lineRule="auto"/>
    </w:pPr>
    <w:rPr>
      <w:b/>
      <w:bCs/>
      <w:sz w:val="18"/>
      <w:szCs w:val="18"/>
    </w:rPr>
  </w:style>
  <w:style w:type="paragraph" w:styleId="TOC1">
    <w:name w:val="toc 1"/>
    <w:basedOn w:val="Normal"/>
    <w:next w:val="Normal"/>
    <w:uiPriority w:val="39"/>
    <w:semiHidden/>
    <w:rsid w:val="004F4F14"/>
    <w:pPr>
      <w:spacing w:after="100"/>
    </w:pPr>
  </w:style>
  <w:style w:type="paragraph" w:styleId="TOC2">
    <w:name w:val="toc 2"/>
    <w:basedOn w:val="Normal"/>
    <w:next w:val="Normal"/>
    <w:uiPriority w:val="39"/>
    <w:semiHidden/>
    <w:rsid w:val="004F4F14"/>
    <w:pPr>
      <w:spacing w:after="100"/>
      <w:ind w:left="200"/>
    </w:pPr>
  </w:style>
  <w:style w:type="paragraph" w:styleId="TOC3">
    <w:name w:val="toc 3"/>
    <w:basedOn w:val="Normal"/>
    <w:next w:val="Normal"/>
    <w:uiPriority w:val="39"/>
    <w:semiHidden/>
    <w:rsid w:val="004F4F14"/>
    <w:pPr>
      <w:spacing w:after="100"/>
      <w:ind w:left="400"/>
    </w:pPr>
  </w:style>
  <w:style w:type="paragraph" w:styleId="TOC4">
    <w:name w:val="toc 4"/>
    <w:basedOn w:val="Normal"/>
    <w:next w:val="Normal"/>
    <w:uiPriority w:val="39"/>
    <w:semiHidden/>
    <w:rsid w:val="004F4F14"/>
    <w:pPr>
      <w:spacing w:after="100"/>
      <w:ind w:left="600"/>
    </w:pPr>
  </w:style>
  <w:style w:type="paragraph" w:styleId="TOC5">
    <w:name w:val="toc 5"/>
    <w:basedOn w:val="Normal"/>
    <w:next w:val="Normal"/>
    <w:uiPriority w:val="39"/>
    <w:semiHidden/>
    <w:rsid w:val="004F4F14"/>
    <w:pPr>
      <w:spacing w:after="100"/>
      <w:ind w:left="800"/>
    </w:pPr>
  </w:style>
  <w:style w:type="paragraph" w:styleId="TOC6">
    <w:name w:val="toc 6"/>
    <w:basedOn w:val="Normal"/>
    <w:next w:val="Normal"/>
    <w:uiPriority w:val="39"/>
    <w:semiHidden/>
    <w:rsid w:val="004F4F14"/>
    <w:pPr>
      <w:spacing w:after="100"/>
      <w:ind w:left="1000"/>
    </w:pPr>
  </w:style>
  <w:style w:type="paragraph" w:styleId="TOC7">
    <w:name w:val="toc 7"/>
    <w:basedOn w:val="Normal"/>
    <w:next w:val="Normal"/>
    <w:uiPriority w:val="39"/>
    <w:semiHidden/>
    <w:rsid w:val="004F4F14"/>
    <w:pPr>
      <w:spacing w:after="100"/>
      <w:ind w:left="1200"/>
    </w:pPr>
  </w:style>
  <w:style w:type="paragraph" w:styleId="TOC8">
    <w:name w:val="toc 8"/>
    <w:basedOn w:val="Normal"/>
    <w:next w:val="Normal"/>
    <w:uiPriority w:val="39"/>
    <w:semiHidden/>
    <w:rsid w:val="004F4F14"/>
    <w:pPr>
      <w:spacing w:after="100"/>
      <w:ind w:left="1400"/>
    </w:pPr>
  </w:style>
  <w:style w:type="paragraph" w:styleId="TOC9">
    <w:name w:val="toc 9"/>
    <w:basedOn w:val="Normal"/>
    <w:next w:val="Normal"/>
    <w:uiPriority w:val="39"/>
    <w:semiHidden/>
    <w:rsid w:val="004F4F14"/>
    <w:pPr>
      <w:spacing w:after="100"/>
      <w:ind w:left="1600"/>
    </w:pPr>
  </w:style>
  <w:style w:type="paragraph" w:styleId="TOCHeading">
    <w:name w:val="TOC Heading"/>
    <w:basedOn w:val="Heading1"/>
    <w:next w:val="Normal"/>
    <w:uiPriority w:val="39"/>
    <w:semiHidden/>
    <w:qFormat/>
    <w:rsid w:val="004F4F14"/>
    <w:pPr>
      <w:spacing w:after="480"/>
      <w:outlineLvl w:val="9"/>
    </w:pPr>
  </w:style>
  <w:style w:type="character" w:styleId="EndnoteReference">
    <w:name w:val="endnote reference"/>
    <w:basedOn w:val="DefaultParagraphFont"/>
    <w:uiPriority w:val="99"/>
    <w:semiHidden/>
    <w:rsid w:val="004F4F14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4F4F14"/>
    <w:rPr>
      <w:rFonts w:ascii="Tahoma" w:hAnsi="Tahoma"/>
      <w:sz w:val="16"/>
      <w:szCs w:val="20"/>
      <w:lang w:val="en-US"/>
    </w:rPr>
  </w:style>
  <w:style w:type="paragraph" w:styleId="FootnoteText">
    <w:name w:val="footnote text"/>
    <w:basedOn w:val="Normal"/>
    <w:link w:val="FootnoteTextChar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4F4F14"/>
    <w:rPr>
      <w:rFonts w:ascii="Tahoma" w:hAnsi="Tahoma"/>
      <w:sz w:val="16"/>
      <w:szCs w:val="20"/>
      <w:lang w:val="en-US"/>
    </w:rPr>
  </w:style>
  <w:style w:type="character" w:styleId="PageNumber">
    <w:name w:val="page number"/>
    <w:basedOn w:val="DefaultParagraphFont"/>
    <w:uiPriority w:val="99"/>
    <w:semiHidden/>
    <w:rsid w:val="004F4F14"/>
    <w:rPr>
      <w:lang w:val="en-US"/>
    </w:rPr>
  </w:style>
  <w:style w:type="table" w:styleId="TableGrid">
    <w:name w:val="Table Grid"/>
    <w:basedOn w:val="TableNormal"/>
    <w:uiPriority w:val="59"/>
    <w:rsid w:val="00EA30A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5"/>
    <w:semiHidden/>
    <w:rsid w:val="00430703"/>
    <w:rPr>
      <w:rFonts w:eastAsia="Times New Roman" w:cs="Times New Roman"/>
      <w:b/>
      <w:szCs w:val="24"/>
    </w:rPr>
  </w:style>
  <w:style w:type="paragraph" w:customStyle="1" w:styleId="Templates">
    <w:name w:val="Templates"/>
    <w:uiPriority w:val="6"/>
    <w:semiHidden/>
    <w:qFormat/>
    <w:rsid w:val="0014083C"/>
    <w:pPr>
      <w:spacing w:after="0" w:line="180" w:lineRule="atLeast"/>
    </w:pPr>
    <w:rPr>
      <w:rFonts w:ascii="Arial" w:hAnsi="Arial"/>
      <w:sz w:val="14"/>
      <w:lang w:val="en-US"/>
    </w:rPr>
  </w:style>
  <w:style w:type="paragraph" w:customStyle="1" w:styleId="Templates-CompanyName">
    <w:name w:val="Templates - Company Name"/>
    <w:basedOn w:val="Templates"/>
    <w:next w:val="Templates-Address"/>
    <w:uiPriority w:val="6"/>
    <w:semiHidden/>
    <w:qFormat/>
    <w:rsid w:val="00EC643C"/>
    <w:rPr>
      <w:b/>
    </w:rPr>
  </w:style>
  <w:style w:type="paragraph" w:customStyle="1" w:styleId="Templates-Address">
    <w:name w:val="Templates - Address"/>
    <w:basedOn w:val="Templates"/>
    <w:uiPriority w:val="6"/>
    <w:semiHidden/>
    <w:qFormat/>
    <w:rsid w:val="009D79D7"/>
    <w:pPr>
      <w:tabs>
        <w:tab w:val="left" w:pos="737"/>
      </w:tabs>
    </w:pPr>
  </w:style>
  <w:style w:type="paragraph" w:customStyle="1" w:styleId="Leadtext">
    <w:name w:val="Leadtext"/>
    <w:basedOn w:val="Normal"/>
    <w:uiPriority w:val="6"/>
    <w:semiHidden/>
    <w:qFormat/>
    <w:rsid w:val="00295CDF"/>
    <w:pPr>
      <w:spacing w:line="180" w:lineRule="atLeast"/>
    </w:pPr>
    <w:rPr>
      <w:sz w:val="14"/>
    </w:rPr>
  </w:style>
  <w:style w:type="paragraph" w:styleId="ListBullet">
    <w:name w:val="List Bullet"/>
    <w:basedOn w:val="Normal"/>
    <w:uiPriority w:val="2"/>
    <w:unhideWhenUsed/>
    <w:qFormat/>
    <w:rsid w:val="00376B0B"/>
    <w:pPr>
      <w:numPr>
        <w:numId w:val="1"/>
      </w:numPr>
      <w:ind w:left="357" w:hanging="357"/>
    </w:pPr>
  </w:style>
  <w:style w:type="paragraph" w:styleId="ListParagraph">
    <w:name w:val="List Paragraph"/>
    <w:basedOn w:val="Normal"/>
    <w:uiPriority w:val="34"/>
    <w:qFormat/>
    <w:rsid w:val="00BA6363"/>
    <w:pPr>
      <w:ind w:left="720"/>
    </w:pPr>
  </w:style>
  <w:style w:type="character" w:styleId="Strong">
    <w:name w:val="Strong"/>
    <w:basedOn w:val="DefaultParagraphFont"/>
    <w:uiPriority w:val="22"/>
    <w:rsid w:val="008E5B57"/>
    <w:rPr>
      <w:b/>
      <w:bCs/>
      <w:lang w:val="en-US"/>
    </w:rPr>
  </w:style>
  <w:style w:type="paragraph" w:customStyle="1" w:styleId="Footerheading">
    <w:name w:val="Footer heading"/>
    <w:basedOn w:val="Footer"/>
    <w:next w:val="Footer"/>
    <w:uiPriority w:val="99"/>
    <w:qFormat/>
    <w:rsid w:val="00187A74"/>
    <w:rPr>
      <w:b/>
    </w:rPr>
  </w:style>
  <w:style w:type="paragraph" w:styleId="ListNumber">
    <w:name w:val="List Number"/>
    <w:basedOn w:val="Normal"/>
    <w:uiPriority w:val="2"/>
    <w:qFormat/>
    <w:rsid w:val="00376B0B"/>
    <w:pPr>
      <w:numPr>
        <w:numId w:val="6"/>
      </w:numPr>
    </w:pPr>
  </w:style>
  <w:style w:type="character" w:styleId="PlaceholderText">
    <w:name w:val="Placeholder Text"/>
    <w:basedOn w:val="DefaultParagraphFont"/>
    <w:uiPriority w:val="99"/>
    <w:semiHidden/>
    <w:rsid w:val="006C55AD"/>
    <w:rPr>
      <w:color w:val="808080"/>
      <w:lang w:val="en-US"/>
    </w:rPr>
  </w:style>
  <w:style w:type="character" w:customStyle="1" w:styleId="Header-AllCaps">
    <w:name w:val="Header - AllCaps"/>
    <w:basedOn w:val="DefaultParagraphFont"/>
    <w:uiPriority w:val="1"/>
    <w:qFormat/>
    <w:rsid w:val="00EF036D"/>
    <w:rPr>
      <w:caps/>
      <w:smallCaps w:val="0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349256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927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723968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96470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72620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eader" Target="header3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1.emf"/><Relationship Id="rId1" Type="http://schemas.openxmlformats.org/officeDocument/2006/relationships/image" Target="media/image2.jpe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8801FB6-FC17-4681-B8F4-2077263EA8DF}"/>
      </w:docPartPr>
      <w:docPartBody>
        <w:p w:rsidR="00967658" w:rsidRDefault="006071AE">
          <w:r w:rsidRPr="00AE196B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 Light">
    <w:panose1 w:val="020F0302020204030204"/>
    <w:charset w:val="EE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071AE"/>
    <w:rsid w:val="00063079"/>
    <w:rsid w:val="00077F90"/>
    <w:rsid w:val="00122147"/>
    <w:rsid w:val="001341D7"/>
    <w:rsid w:val="001A2C76"/>
    <w:rsid w:val="001B0BB4"/>
    <w:rsid w:val="00311502"/>
    <w:rsid w:val="004A23A0"/>
    <w:rsid w:val="004C1F0F"/>
    <w:rsid w:val="006071AE"/>
    <w:rsid w:val="006E23A5"/>
    <w:rsid w:val="007E3071"/>
    <w:rsid w:val="00865845"/>
    <w:rsid w:val="00967658"/>
    <w:rsid w:val="009C7DE4"/>
    <w:rsid w:val="00DF7E03"/>
    <w:rsid w:val="00E63A8A"/>
    <w:rsid w:val="00ED21A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pl-P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pl-PL" w:eastAsia="pl-P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1"/>
    <w:qFormat/>
    <w:rsid w:val="006E23A5"/>
    <w:pPr>
      <w:keepNext/>
      <w:keepLines/>
      <w:spacing w:after="80" w:line="276" w:lineRule="auto"/>
      <w:contextualSpacing/>
      <w:outlineLvl w:val="0"/>
    </w:pPr>
    <w:rPr>
      <w:rFonts w:ascii="Arial" w:eastAsiaTheme="majorEastAsia" w:hAnsi="Arial" w:cstheme="majorBidi"/>
      <w:b/>
      <w:bCs/>
      <w:color w:val="44546A" w:themeColor="text2"/>
      <w:sz w:val="28"/>
      <w:szCs w:val="28"/>
      <w:lang w:val="da-DK" w:eastAsia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83E7EB70D3B04024992352496D4B8FA5">
    <w:name w:val="83E7EB70D3B04024992352496D4B8FA5"/>
    <w:rsid w:val="006071AE"/>
  </w:style>
  <w:style w:type="paragraph" w:customStyle="1" w:styleId="C49DFF639C6447BD806C9FD121B191B2">
    <w:name w:val="C49DFF639C6447BD806C9FD121B191B2"/>
    <w:rsid w:val="006071AE"/>
  </w:style>
  <w:style w:type="paragraph" w:customStyle="1" w:styleId="9255B36CCCC94AC684DF4EA21549C952">
    <w:name w:val="9255B36CCCC94AC684DF4EA21549C952"/>
    <w:rsid w:val="006071AE"/>
  </w:style>
  <w:style w:type="paragraph" w:customStyle="1" w:styleId="8AB46E4178774BE998A34C05837AE12C">
    <w:name w:val="8AB46E4178774BE998A34C05837AE12C"/>
    <w:rsid w:val="006071AE"/>
  </w:style>
  <w:style w:type="paragraph" w:customStyle="1" w:styleId="7BDFE874CDB64FF0AF0819115C0A130F">
    <w:name w:val="7BDFE874CDB64FF0AF0819115C0A130F"/>
    <w:rsid w:val="006071AE"/>
  </w:style>
  <w:style w:type="character" w:styleId="PlaceholderText">
    <w:name w:val="Placeholder Text"/>
    <w:basedOn w:val="DefaultParagraphFont"/>
    <w:uiPriority w:val="99"/>
    <w:semiHidden/>
    <w:rsid w:val="006071AE"/>
    <w:rPr>
      <w:color w:val="808080"/>
    </w:rPr>
  </w:style>
  <w:style w:type="character" w:customStyle="1" w:styleId="Heading1Char">
    <w:name w:val="Heading 1 Char"/>
    <w:basedOn w:val="DefaultParagraphFont"/>
    <w:link w:val="Heading1"/>
    <w:uiPriority w:val="1"/>
    <w:rsid w:val="006E23A5"/>
    <w:rPr>
      <w:rFonts w:ascii="Arial" w:eastAsiaTheme="majorEastAsia" w:hAnsi="Arial" w:cstheme="majorBidi"/>
      <w:b/>
      <w:bCs/>
      <w:color w:val="44546A" w:themeColor="text2"/>
      <w:sz w:val="28"/>
      <w:szCs w:val="28"/>
      <w:lang w:val="da-DK" w:eastAsia="en-US"/>
    </w:rPr>
  </w:style>
  <w:style w:type="paragraph" w:customStyle="1" w:styleId="9255B36CCCC94AC684DF4EA21549C9521">
    <w:name w:val="9255B36CCCC94AC684DF4EA21549C9521"/>
    <w:rsid w:val="00967658"/>
    <w:pPr>
      <w:keepNext/>
      <w:keepLines/>
      <w:spacing w:after="80" w:line="276" w:lineRule="auto"/>
      <w:contextualSpacing/>
      <w:outlineLvl w:val="0"/>
    </w:pPr>
    <w:rPr>
      <w:rFonts w:ascii="Arial" w:eastAsiaTheme="majorEastAsia" w:hAnsi="Arial" w:cstheme="majorBidi"/>
      <w:b/>
      <w:bCs/>
      <w:color w:val="44546A" w:themeColor="text2"/>
      <w:sz w:val="28"/>
      <w:szCs w:val="28"/>
      <w:lang w:val="da-DK" w:eastAsia="en-US"/>
    </w:rPr>
  </w:style>
  <w:style w:type="paragraph" w:customStyle="1" w:styleId="8AB46E4178774BE998A34C05837AE12C1">
    <w:name w:val="8AB46E4178774BE998A34C05837AE12C1"/>
    <w:rsid w:val="00967658"/>
    <w:pPr>
      <w:keepNext/>
      <w:keepLines/>
      <w:spacing w:after="80" w:line="276" w:lineRule="auto"/>
      <w:contextualSpacing/>
      <w:outlineLvl w:val="1"/>
    </w:pPr>
    <w:rPr>
      <w:rFonts w:ascii="Arial" w:eastAsiaTheme="majorEastAsia" w:hAnsi="Arial" w:cstheme="majorBidi"/>
      <w:b/>
      <w:bCs/>
      <w:color w:val="44546A" w:themeColor="text2"/>
      <w:szCs w:val="26"/>
      <w:lang w:val="da-DK" w:eastAsia="en-US"/>
    </w:rPr>
  </w:style>
  <w:style w:type="paragraph" w:customStyle="1" w:styleId="9255B36CCCC94AC684DF4EA21549C9522">
    <w:name w:val="9255B36CCCC94AC684DF4EA21549C9522"/>
    <w:rsid w:val="001A2C76"/>
    <w:pPr>
      <w:keepNext/>
      <w:keepLines/>
      <w:spacing w:after="80" w:line="276" w:lineRule="auto"/>
      <w:contextualSpacing/>
      <w:outlineLvl w:val="0"/>
    </w:pPr>
    <w:rPr>
      <w:rFonts w:ascii="Arial" w:eastAsiaTheme="majorEastAsia" w:hAnsi="Arial" w:cstheme="majorBidi"/>
      <w:b/>
      <w:bCs/>
      <w:color w:val="44546A" w:themeColor="text2"/>
      <w:sz w:val="28"/>
      <w:szCs w:val="28"/>
      <w:lang w:val="da-DK" w:eastAsia="en-US"/>
    </w:rPr>
  </w:style>
  <w:style w:type="paragraph" w:customStyle="1" w:styleId="8AB46E4178774BE998A34C05837AE12C2">
    <w:name w:val="8AB46E4178774BE998A34C05837AE12C2"/>
    <w:rsid w:val="001A2C76"/>
    <w:pPr>
      <w:keepNext/>
      <w:keepLines/>
      <w:spacing w:after="80" w:line="276" w:lineRule="auto"/>
      <w:contextualSpacing/>
      <w:outlineLvl w:val="1"/>
    </w:pPr>
    <w:rPr>
      <w:rFonts w:ascii="Arial" w:eastAsiaTheme="majorEastAsia" w:hAnsi="Arial" w:cstheme="majorBidi"/>
      <w:b/>
      <w:bCs/>
      <w:color w:val="44546A" w:themeColor="text2"/>
      <w:szCs w:val="26"/>
      <w:lang w:val="da-DK" w:eastAsia="en-US"/>
    </w:rPr>
  </w:style>
  <w:style w:type="paragraph" w:customStyle="1" w:styleId="9255B36CCCC94AC684DF4EA21549C9523">
    <w:name w:val="9255B36CCCC94AC684DF4EA21549C9523"/>
    <w:rsid w:val="006E23A5"/>
    <w:pPr>
      <w:keepNext/>
      <w:keepLines/>
      <w:spacing w:after="80" w:line="276" w:lineRule="auto"/>
      <w:contextualSpacing/>
      <w:outlineLvl w:val="0"/>
    </w:pPr>
    <w:rPr>
      <w:rFonts w:ascii="Arial" w:eastAsiaTheme="majorEastAsia" w:hAnsi="Arial" w:cstheme="majorBidi"/>
      <w:b/>
      <w:bCs/>
      <w:color w:val="44546A" w:themeColor="text2"/>
      <w:sz w:val="28"/>
      <w:szCs w:val="28"/>
      <w:lang w:val="da-DK" w:eastAsia="en-US"/>
    </w:rPr>
  </w:style>
  <w:style w:type="paragraph" w:customStyle="1" w:styleId="8AB46E4178774BE998A34C05837AE12C3">
    <w:name w:val="8AB46E4178774BE998A34C05837AE12C3"/>
    <w:rsid w:val="006E23A5"/>
    <w:pPr>
      <w:keepNext/>
      <w:keepLines/>
      <w:spacing w:after="80" w:line="276" w:lineRule="auto"/>
      <w:contextualSpacing/>
      <w:outlineLvl w:val="1"/>
    </w:pPr>
    <w:rPr>
      <w:rFonts w:ascii="Arial" w:eastAsiaTheme="majorEastAsia" w:hAnsi="Arial" w:cstheme="majorBidi"/>
      <w:b/>
      <w:bCs/>
      <w:color w:val="44546A" w:themeColor="text2"/>
      <w:szCs w:val="26"/>
      <w:lang w:val="da-DK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SV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02664"/>
      </a:accent1>
      <a:accent2>
        <a:srgbClr val="7C9DBE"/>
      </a:accent2>
      <a:accent3>
        <a:srgbClr val="90B947"/>
      </a:accent3>
      <a:accent4>
        <a:srgbClr val="EED308"/>
      </a:accent4>
      <a:accent5>
        <a:srgbClr val="DA7E2E"/>
      </a:accent5>
      <a:accent6>
        <a:srgbClr val="5E6A71"/>
      </a:accent6>
      <a:hlink>
        <a:srgbClr val="002664"/>
      </a:hlink>
      <a:folHlink>
        <a:srgbClr val="DA7E2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{"required":false,"type":"datePicker","name":"Date","label":"Date","helpTexts":{"prefix":"","postfix":""},"spacing":{},"fullyQualifiedName":"Date"}],"formDataEntries":[{"name":"Date","value":"90rvW90PadFVd1nLXVIo/g=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31272CD9A7F0E41A7AAC4E60409BC37" ma:contentTypeVersion="2" ma:contentTypeDescription="Create a new document." ma:contentTypeScope="" ma:versionID="9ff30b8f6c4425a9020965ff7100d393">
  <xsd:schema xmlns:xsd="http://www.w3.org/2001/XMLSchema" xmlns:xs="http://www.w3.org/2001/XMLSchema" xmlns:p="http://schemas.microsoft.com/office/2006/metadata/properties" xmlns:ns2="6e5ecb0c-b8d1-4f08-93ad-cdd7516b0c50" targetNamespace="http://schemas.microsoft.com/office/2006/metadata/properties" ma:root="true" ma:fieldsID="863d3c5ef93e424b39a39036edecf513" ns2:_="">
    <xsd:import namespace="6e5ecb0c-b8d1-4f08-93ad-cdd7516b0c5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e5ecb0c-b8d1-4f08-93ad-cdd7516b0c5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type":"richTextContentControl","id":"ac61bae3-3f3b-4572-aca0-404c8612bcab","elementConfiguration":{"binding":"Translations.PressRelease","removeAndKeepContent":false,"disableUpdates":false,"type":"text"}},{"type":"richTextContentControl","id":"3cf2edfa-2863-4b69-96ef-e5b435103af8","elementConfiguration":{"format":"{{DateFormats.GeneralDate}}","binding":"Form.Date","removeAndKeepContent":false,"disableUpdates":false,"type":"date"}},{"type":"richTextContentControl","id":"0e6d8e12-7ce7-4f6d-a720-78fb2d1abf25","elementConfiguration":{"binding":"Translations.FootertextPR","removeAndKeepContent":false,"disableUpdates":false,"type":"text"}}],"transformationConfigurations":[{"language":"{{DocumentLanguage}}","disableUpdates":false,"type":"proofingLanguage"},{"colorTheme":"{{UserProfile.Address.Colortheme}}","originalColorThemeXml":"<a:clrScheme name=\"DSV\" xmlns:a=\"http://schemas.openxmlformats.org/drawingml/2006/main\"><a:dk1><a:sysClr val=\"windowText\" lastClr=\"000000\" /></a:dk1><a:lt1><a:sysClr val=\"window\" lastClr=\"FFFFFF\" /></a:lt1><a:dk2><a:srgbClr val=\"002664\" /></a:dk2><a:lt2><a:srgbClr val=\"DBDCDD\" /></a:lt2><a:accent1><a:srgbClr val=\"002664\" /></a:accent1><a:accent2><a:srgbClr val=\"7C9DBE\" /></a:accent2><a:accent3><a:srgbClr val=\"90B947\" /></a:accent3><a:accent4><a:srgbClr val=\"EED308\" /></a:accent4><a:accent5><a:srgbClr val=\"DA7E2E\" /></a:accent5><a:accent6><a:srgbClr val=\"5E6A71\" /></a:accent6><a:hlink><a:srgbClr val=\"002664\" /></a:hlink><a:folHlink><a:srgbClr val=\"DA7E2E\" /></a:folHlink></a:clrScheme>","disableUpdates":false,"type":"colorTheme"},{"binding":"UserProfile.LogoInsertion.LogoName","shapeName":"Logo_Hide","width":"{{UserProfile.LogoInsertion.LogoWidthPressRelease}}","height":"","namedSections":"all","namedPages":"all","leftOffset":"{{UserProfile.LogoInsertion.LogoLeftOffsetPressRelease}}","horizontalRelativePosition":"page","topOffset":"{{UserProfile.LogoInsertion.LogoTopOffsetPressRelease}}","verticalRelativePosition":"page","imageTextWrapping":"inFrontOfText","disableUpdates":false,"type":"imageHeader"},{"paperWidth":"{{UserProfile.PaperSize.PageWidth}}","paperHeight":"{{UserProfile.PaperSize.PageHeight}}","originalValues":{"topMargin":2410,"rightMargin":1134,"bottomMargin":1134,"leftMargin":851,"gutter":0,"gutterPosition":"left","orientation":"portrait","paperWidth":11906,"paperHeight":16838,"headerFromEdge":709,"footerFromEdge":323},"disableUpdates":false,"type":"pageSetup"}],"isBaseTemplate":false,"templateName":"Press Release","templateDescription":"","enableDocumentContentUpdater":true,"version":"1.1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795EF0FD-742A-4739-9163-C64ACC6BA574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7EFC93B9-C203-439D-8B47-1682DDD278A9}">
  <ds:schemaRefs/>
</ds:datastoreItem>
</file>

<file path=customXml/itemProps3.xml><?xml version="1.0" encoding="utf-8"?>
<ds:datastoreItem xmlns:ds="http://schemas.openxmlformats.org/officeDocument/2006/customXml" ds:itemID="{6F8672D6-D9FB-4727-AC04-54C25D0D555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e5ecb0c-b8d1-4f08-93ad-cdd7516b0c5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509CA54D-B503-4B46-8C37-130612649FCB}">
  <ds:schemaRefs/>
</ds:datastoreItem>
</file>

<file path=customXml/itemProps5.xml><?xml version="1.0" encoding="utf-8"?>
<ds:datastoreItem xmlns:ds="http://schemas.openxmlformats.org/officeDocument/2006/customXml" ds:itemID="{96881C57-4558-4C31-AEA0-9320665701E5}">
  <ds:schemaRefs>
    <ds:schemaRef ds:uri="http://schemas.microsoft.com/office/2006/metadata/properties"/>
    <ds:schemaRef ds:uri="http://schemas.microsoft.com/office/2006/documentManagement/types"/>
    <ds:schemaRef ds:uri="http://purl.org/dc/terms/"/>
    <ds:schemaRef ds:uri="http://www.w3.org/XML/1998/namespace"/>
    <ds:schemaRef ds:uri="6e5ecb0c-b8d1-4f08-93ad-cdd7516b0c50"/>
    <ds:schemaRef ds:uri="http://schemas.openxmlformats.org/package/2006/metadata/core-properties"/>
    <ds:schemaRef ds:uri="http://schemas.microsoft.com/office/infopath/2007/PartnerControls"/>
    <ds:schemaRef ds:uri="http://purl.org/dc/dcmitype/"/>
    <ds:schemaRef ds:uri="http://purl.org/dc/elements/1.1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</TotalTime>
  <Pages>1</Pages>
  <Words>49</Words>
  <Characters>296</Characters>
  <Application>Microsoft Office Word</Application>
  <DocSecurity>0</DocSecurity>
  <Lines>2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Press Release</vt:lpstr>
    </vt:vector>
  </TitlesOfParts>
  <Company/>
  <LinksUpToDate>false</LinksUpToDate>
  <CharactersWithSpaces>34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s Release</dc:title>
  <dc:creator>Żaneta Dmoch - DSV</dc:creator>
  <cp:lastModifiedBy>ALEKSANDRA MULARCZYK - DSV</cp:lastModifiedBy>
  <cp:revision>3</cp:revision>
  <dcterms:created xsi:type="dcterms:W3CDTF">2021-02-11T14:02:00Z</dcterms:created>
  <dcterms:modified xsi:type="dcterms:W3CDTF">2021-02-12T08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ShowDocumentInfo">
    <vt:lpwstr>True</vt:lpwstr>
  </property>
  <property fmtid="{D5CDD505-2E9C-101B-9397-08002B2CF9AE}" pid="3" name="SD_IATALogo">
    <vt:lpwstr> </vt:lpwstr>
  </property>
  <property fmtid="{D5CDD505-2E9C-101B-9397-08002B2CF9AE}" pid="4" name="TemplafyTenantId">
    <vt:lpwstr>dsv</vt:lpwstr>
  </property>
  <property fmtid="{D5CDD505-2E9C-101B-9397-08002B2CF9AE}" pid="5" name="TemplafyTemplateId">
    <vt:lpwstr>637037096487725970</vt:lpwstr>
  </property>
  <property fmtid="{D5CDD505-2E9C-101B-9397-08002B2CF9AE}" pid="6" name="TemplafyUserProfileId">
    <vt:lpwstr>637111531458029533</vt:lpwstr>
  </property>
  <property fmtid="{D5CDD505-2E9C-101B-9397-08002B2CF9AE}" pid="7" name="TemplafyLanguageCode">
    <vt:lpwstr>en-US</vt:lpwstr>
  </property>
  <property fmtid="{D5CDD505-2E9C-101B-9397-08002B2CF9AE}" pid="8" name="ContentTypeId">
    <vt:lpwstr>0x010100331272CD9A7F0E41A7AAC4E60409BC37</vt:lpwstr>
  </property>
</Properties>
</file>